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我的文档\2018.11-12医院实习\实验\shuju\s3\"/>
    </mc:Choice>
  </mc:AlternateContent>
  <bookViews>
    <workbookView xWindow="0" yWindow="0" windowWidth="15348" windowHeight="6768"/>
  </bookViews>
  <sheets>
    <sheet name="Export 1" sheetId="2" r:id="rId1"/>
    <sheet name="Sheet1" sheetId="1" r:id="rId2"/>
  </sheets>
  <definedNames>
    <definedName name="_xlnm._FilterDatabase" localSheetId="0" hidden="1">'Export 1'!$BU$1:$BU$3300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0" uniqueCount="21">
  <si>
    <t>l</t>
  </si>
  <si>
    <t>Mon Jan  7 17:19:06 2019</t>
  </si>
  <si>
    <t>Mon Jan  7 17:19:50 2019</t>
  </si>
  <si>
    <t>Mon Jan  7 17:20:34 2019</t>
  </si>
  <si>
    <t>Mon Jan  7 17:21:18 2019</t>
  </si>
  <si>
    <t>Mon Jan  7 17:22:02 2019</t>
  </si>
  <si>
    <t>Mon Jan  7 17:22:46 2019</t>
  </si>
  <si>
    <t>Mon Jan  7 17:23:30 2019</t>
  </si>
  <si>
    <t>Mon Jan  7 17:24:14 2019</t>
  </si>
  <si>
    <t>Mon Jan  7 17:24:58 2019</t>
  </si>
  <si>
    <t>Mon Jan  7 17:25:42 2019</t>
  </si>
  <si>
    <t xml:space="preserve">L1 </t>
  </si>
  <si>
    <t xml:space="preserve">L2 </t>
  </si>
  <si>
    <t xml:space="preserve">L3 </t>
  </si>
  <si>
    <t xml:space="preserve">L4 </t>
  </si>
  <si>
    <t xml:space="preserve">L5 </t>
  </si>
  <si>
    <t xml:space="preserve">L6 </t>
  </si>
  <si>
    <t xml:space="preserve">L7 </t>
  </si>
  <si>
    <t xml:space="preserve">L8 </t>
  </si>
  <si>
    <t xml:space="preserve">L9 </t>
  </si>
  <si>
    <t xml:space="preserve">L10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宋体"/>
      <family val="2"/>
      <charset val="134"/>
      <scheme val="minor"/>
    </font>
    <font>
      <sz val="9"/>
      <name val="宋体"/>
      <family val="2"/>
      <charset val="134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2">
    <xf numFmtId="0" fontId="0" fillId="0" borderId="0" xfId="0">
      <alignment vertical="center"/>
    </xf>
    <xf numFmtId="0" fontId="0" fillId="2" borderId="0" xfId="0" applyFill="1">
      <alignment vertical="center"/>
    </xf>
  </cellXfs>
  <cellStyles count="1">
    <cellStyle name="常规" xfId="0" builtinId="0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CCE8C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4" x14ac:dyDescent="0.25"/>
  <sheetData/>
  <phoneticPr fontId="1" type="noConversion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2</vt:i4>
      </vt:variant>
    </vt:vector>
  </HeadingPairs>
  <TitlesOfParts>
    <vt:vector size="2" baseType="lpstr">
      <vt:lpstr>Export 1</vt:lpstr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cg</dc:creator>
  <cp:lastModifiedBy>lcg</cp:lastModifiedBy>
  <dcterms:created xsi:type="dcterms:W3CDTF">2019-01-07T09:26:11Z</dcterms:created>
  <dcterms:modified xsi:type="dcterms:W3CDTF">2019-06-21T02:48:12Z</dcterms:modified>
</cp:coreProperties>
</file>